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382-2023 Titánové atraumatické klipy\03. Príprava\06. PTK\01. Odoslané - zamknúť!!!\"/>
    </mc:Choice>
  </mc:AlternateContent>
  <bookViews>
    <workbookView xWindow="0" yWindow="0" windowWidth="23040" windowHeight="9195"/>
  </bookViews>
  <sheets>
    <sheet name="PTK - Ponuka" sheetId="8" r:id="rId1"/>
  </sheets>
  <definedNames>
    <definedName name="_xlnm.Print_Area" localSheetId="0">'PTK - Ponuka'!$A$1:$F$15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3" uniqueCount="14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8.</t>
  </si>
  <si>
    <t>9.</t>
  </si>
  <si>
    <t>10.</t>
  </si>
  <si>
    <t>11.</t>
  </si>
  <si>
    <t>12.</t>
  </si>
  <si>
    <t>13.</t>
  </si>
  <si>
    <t>14.</t>
  </si>
  <si>
    <t>15.</t>
  </si>
  <si>
    <t>Titánové atraumatické klipy</t>
  </si>
  <si>
    <t>33141126-9  Podväzovací materiál</t>
  </si>
  <si>
    <t>Titánové atraumatické cievne klipy sú určené na preparáciu a.mammaria na hemostázu-ligovanie bočných cievnych vetiev pri získavaní cievneho štepu na revaskularizáciu myokardu.</t>
  </si>
  <si>
    <t>Položka č. 2</t>
  </si>
  <si>
    <t>Položka č. 3</t>
  </si>
  <si>
    <t>Titánový atraumatický klip, Typ 1</t>
  </si>
  <si>
    <t>Titánový atraumatický klip, Typ 2</t>
  </si>
  <si>
    <t>Titánový atraumatický klip, Typ 3</t>
  </si>
  <si>
    <t>Položka č. 1 - Titánový atraumatický klip, Typ 1</t>
  </si>
  <si>
    <t>15.1</t>
  </si>
  <si>
    <t>15.2</t>
  </si>
  <si>
    <t>15.3</t>
  </si>
  <si>
    <t>Položka č. 2 - Titánový atraumatický klip, Typ 2</t>
  </si>
  <si>
    <t>Položka č. 3 - Titánový atraumatický klip, Typ 3</t>
  </si>
  <si>
    <t>Výška klipu v uzatvorenom stave: min. 3,5 max. 4,0 mm</t>
  </si>
  <si>
    <t>Výška klipu v otvorenom stave: min. 2,5 max. 3,0 mm</t>
  </si>
  <si>
    <t>Celková šírka otvoreného klipu: min. 2,0 max. 2,5 mm</t>
  </si>
  <si>
    <t>Použitie pri operačných výkonoch zahrňujúcich ligovanie cievnych vrstiev a/alebo podviazanie tkanivových štruktúr.</t>
  </si>
  <si>
    <t>Musia byť určené na preparáciu a.mammaria na hemostázuligovanie bočných cievnych vetiev pri získavaní cievneho štepu na revaskularizáciu myokardu.</t>
  </si>
  <si>
    <t>Materiál musí byť vysoko kvalitný (titán) s formou tvaru V, ktorá zabezpečí najskôr distálne uzavretie klipu, čím predíde vytlačeniu cievy z klipu počas jej zaklipovania, čo zabezpečuje bezpečnosť a umožňuje polohovanie klipu v primárnom uvedení v tvare písmena O.</t>
  </si>
  <si>
    <t>Srdcovité tvarovanie drôtu (prierez), atraumatickým tvarom klipu, so zaoblenými hranami a vnútornou drážkou chrániacou pred nožnicovým efektom.</t>
  </si>
  <si>
    <t>Priečne drážky zvyšujúce bezpečnosť klipu proti skĺznutiu, ktoré sú zároveň prevenciou rýchlej nekrotizácie tkaniva v mieste prestrihnutia cievy.</t>
  </si>
  <si>
    <t>Špeciálna lepivá spodná časť zásobníka umožňuje jeho zafixovanie k sterilnej ploche a pohodlné zabitie klipu do klipovača.</t>
  </si>
  <si>
    <t>Samostatné sterilné balenie každej náplne v boxe, minimálne po 6 ks a maximálne 8 ks v jednom samostatnom balení.</t>
  </si>
  <si>
    <t>Možnosť používať magnetickú rezonanciu MRI.</t>
  </si>
  <si>
    <t>Trojuholníkový tvar klipu na priereze pre lepšie uchytenie do klipovača a pre zabránenie jeho vypadnutiu.</t>
  </si>
  <si>
    <t>Zásobník s retenčným pružinovým systémom uchytenia klipu.</t>
  </si>
  <si>
    <t>Farebné balenie klipov zodpovedajúce farebnému značeniu klipovačov.</t>
  </si>
  <si>
    <t>Klipovač</t>
  </si>
  <si>
    <t>kompatibilný s klipmy v danej položke</t>
  </si>
  <si>
    <t>prvý klipovač dodaný s prvou objednávkou</t>
  </si>
  <si>
    <t>každý ďalší klipovač dodaný s objednávkou, ktorá presiahne milník objednaných klipov danej položky. Za milník sa považuje hodnota objednaných klipov 1800 ks, 3600 ks, 5400 ks, ...</t>
  </si>
  <si>
    <t>Výška klipu v uzatvorenom stave: min. 5,5 max. 6,0 mm</t>
  </si>
  <si>
    <t>Výška klipu v otvorenom stave: min. 4,5 max. 5,0 mm</t>
  </si>
  <si>
    <t>Celková šírka otvoreného klipu: min. 3,0 max. 3,5 mm</t>
  </si>
  <si>
    <t>Výška klipu v uzatvorenom stave: min. 8,5 max. 9,0 mm</t>
  </si>
  <si>
    <t>Výška klipu v otvorenom stave: min. 7,0 max. 7,5 mm</t>
  </si>
  <si>
    <t>Celková šírka otvoreného klipu: min. 5,5 max. 6,0 mm</t>
  </si>
  <si>
    <t>Predpokladané množstvo MJ za zmluvné obdobie
36 mesiacov</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3.1</t>
  </si>
  <si>
    <t>do 48 hodín od doručenia písomnej Objednávky Dodávateľovi,</t>
  </si>
  <si>
    <t>3.2</t>
  </si>
  <si>
    <t>v pracovných dňoch v čase od 07:00 hod. do 14:30 hod.,</t>
  </si>
  <si>
    <t>3.3</t>
  </si>
  <si>
    <t>na dohodnuté miesto plnenia a zodpovednej osobe Objednávateľa, pričom podrobnosti o mieste plnenia a zodpovednej osobe Objednávateľa budú Dodávateľovi upresnené po uzavretí zmluvného vzťahu,</t>
  </si>
  <si>
    <t>3.4</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6.</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7.</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obdobie 36 kalendárnych mesiacov,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thin">
        <color auto="1"/>
      </left>
      <right/>
      <top style="thin">
        <color auto="1"/>
      </top>
      <bottom style="medium">
        <color indexed="64"/>
      </bottom>
      <diagonal/>
    </border>
    <border>
      <left/>
      <right style="medium">
        <color auto="1"/>
      </right>
      <top style="thin">
        <color indexed="64"/>
      </top>
      <bottom style="medium">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indexed="64"/>
      </left>
      <right/>
      <top/>
      <bottom style="medium">
        <color indexed="64"/>
      </bottom>
      <diagonal/>
    </border>
    <border>
      <left/>
      <right/>
      <top/>
      <bottom style="medium">
        <color indexed="64"/>
      </bottom>
      <diagonal/>
    </border>
    <border>
      <left style="thin">
        <color auto="1"/>
      </left>
      <right style="dotted">
        <color auto="1"/>
      </right>
      <top style="dotted">
        <color auto="1"/>
      </top>
      <bottom style="medium">
        <color indexed="64"/>
      </bottom>
      <diagonal/>
    </border>
    <border>
      <left style="dotted">
        <color auto="1"/>
      </left>
      <right style="dotted">
        <color auto="1"/>
      </right>
      <top style="dotted">
        <color auto="1"/>
      </top>
      <bottom style="medium">
        <color indexed="64"/>
      </bottom>
      <diagonal/>
    </border>
    <border>
      <left style="dotted">
        <color auto="1"/>
      </left>
      <right style="medium">
        <color indexed="64"/>
      </right>
      <top style="dotted">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0">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0" fontId="2" fillId="6" borderId="13" xfId="0" applyFont="1" applyFill="1" applyBorder="1" applyAlignment="1" applyProtection="1">
      <alignment horizontal="left" vertical="center" wrapText="1"/>
    </xf>
    <xf numFmtId="3" fontId="4" fillId="6" borderId="8" xfId="0" applyNumberFormat="1" applyFont="1" applyFill="1" applyBorder="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0" fontId="2" fillId="0" borderId="32" xfId="0" applyFont="1" applyFill="1" applyBorder="1" applyAlignment="1" applyProtection="1">
      <alignment horizontal="left" vertical="center" wrapText="1"/>
      <protection locked="0"/>
    </xf>
    <xf numFmtId="0" fontId="2" fillId="0" borderId="33" xfId="0" applyFont="1" applyFill="1" applyBorder="1" applyAlignment="1" applyProtection="1">
      <alignment horizontal="left" vertical="center"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2" fillId="0" borderId="34" xfId="0" applyNumberFormat="1" applyFont="1" applyBorder="1" applyAlignment="1" applyProtection="1">
      <alignment horizontal="center" vertical="center" wrapText="1"/>
      <protection locked="0"/>
    </xf>
    <xf numFmtId="0" fontId="2" fillId="0" borderId="34" xfId="0" applyFont="1" applyFill="1" applyBorder="1" applyAlignment="1" applyProtection="1">
      <alignment horizontal="left" vertical="center" wrapText="1"/>
      <protection locked="0"/>
    </xf>
    <xf numFmtId="0" fontId="2" fillId="0" borderId="35" xfId="0" applyFont="1" applyFill="1" applyBorder="1" applyAlignment="1" applyProtection="1">
      <alignment horizontal="left" vertical="center" wrapText="1"/>
      <protection locked="0"/>
    </xf>
    <xf numFmtId="49" fontId="5" fillId="2" borderId="36" xfId="0" applyNumberFormat="1" applyFont="1" applyFill="1" applyBorder="1" applyAlignment="1" applyProtection="1">
      <alignment horizontal="left" vertical="top" wrapText="1"/>
      <protection locked="0"/>
    </xf>
    <xf numFmtId="49" fontId="5" fillId="2" borderId="37" xfId="0" applyNumberFormat="1" applyFont="1" applyFill="1" applyBorder="1" applyAlignment="1" applyProtection="1">
      <alignment horizontal="left" vertical="top" wrapText="1"/>
      <protection locked="0"/>
    </xf>
    <xf numFmtId="49" fontId="4" fillId="2" borderId="38" xfId="0" applyNumberFormat="1" applyFont="1" applyFill="1" applyBorder="1" applyAlignment="1" applyProtection="1">
      <alignment horizontal="center" vertical="center" wrapText="1"/>
      <protection locked="0"/>
    </xf>
    <xf numFmtId="49" fontId="4" fillId="2" borderId="39" xfId="0" applyNumberFormat="1" applyFont="1" applyFill="1" applyBorder="1" applyAlignment="1" applyProtection="1">
      <alignment horizontal="center" vertical="center" wrapText="1"/>
      <protection locked="0"/>
    </xf>
    <xf numFmtId="49" fontId="4" fillId="2" borderId="40" xfId="0" applyNumberFormat="1" applyFont="1" applyFill="1" applyBorder="1" applyAlignment="1" applyProtection="1">
      <alignment horizontal="center" vertical="center" wrapText="1"/>
      <protection locked="0"/>
    </xf>
    <xf numFmtId="49" fontId="3" fillId="5" borderId="6" xfId="0" applyNumberFormat="1" applyFont="1" applyFill="1" applyBorder="1" applyAlignment="1" applyProtection="1">
      <alignment horizontal="left" vertical="center"/>
      <protection locked="0"/>
    </xf>
    <xf numFmtId="49" fontId="3" fillId="5" borderId="8" xfId="0" applyNumberFormat="1" applyFont="1" applyFill="1" applyBorder="1" applyAlignment="1" applyProtection="1">
      <alignment horizontal="left" vertical="center"/>
      <protection locked="0"/>
    </xf>
    <xf numFmtId="49" fontId="3" fillId="5" borderId="7" xfId="0" applyNumberFormat="1" applyFont="1" applyFill="1" applyBorder="1" applyAlignment="1" applyProtection="1">
      <alignment horizontal="left" vertical="center"/>
      <protection locked="0"/>
    </xf>
    <xf numFmtId="49" fontId="2" fillId="0" borderId="6" xfId="0" applyNumberFormat="1" applyFont="1" applyBorder="1" applyAlignment="1" applyProtection="1">
      <alignment horizontal="center" vertical="center"/>
    </xf>
    <xf numFmtId="49" fontId="4" fillId="0" borderId="8" xfId="0" applyNumberFormat="1" applyFont="1" applyFill="1" applyBorder="1" applyAlignment="1" applyProtection="1">
      <alignment vertical="center" wrapText="1"/>
    </xf>
    <xf numFmtId="49" fontId="2" fillId="0" borderId="6" xfId="0" applyNumberFormat="1" applyFont="1" applyBorder="1" applyAlignment="1" applyProtection="1">
      <alignment horizontal="right" vertical="center"/>
    </xf>
    <xf numFmtId="49" fontId="2" fillId="0" borderId="6" xfId="0" applyNumberFormat="1" applyFont="1" applyFill="1" applyBorder="1" applyAlignment="1" applyProtection="1">
      <alignment horizontal="center" vertical="center"/>
    </xf>
    <xf numFmtId="49" fontId="2" fillId="0" borderId="6" xfId="0" applyNumberFormat="1" applyFont="1" applyFill="1" applyBorder="1" applyAlignment="1" applyProtection="1">
      <alignment horizontal="right" vertical="center"/>
    </xf>
    <xf numFmtId="49" fontId="2" fillId="0" borderId="9" xfId="0" applyNumberFormat="1" applyFont="1" applyFill="1" applyBorder="1" applyAlignment="1" applyProtection="1">
      <alignment horizontal="right" vertical="center"/>
    </xf>
    <xf numFmtId="49" fontId="4" fillId="0" borderId="13" xfId="0" applyNumberFormat="1" applyFont="1" applyFill="1" applyBorder="1" applyAlignment="1" applyProtection="1">
      <alignment vertical="center" wrapText="1"/>
    </xf>
    <xf numFmtId="49" fontId="2" fillId="0" borderId="31" xfId="0" applyNumberFormat="1" applyFont="1" applyFill="1" applyBorder="1" applyAlignment="1" applyProtection="1">
      <alignment horizontal="center" vertical="center" wrapText="1"/>
    </xf>
    <xf numFmtId="0" fontId="4" fillId="0" borderId="28" xfId="0" applyFont="1" applyFill="1" applyBorder="1" applyAlignment="1" applyProtection="1">
      <alignment vertical="center" wrapText="1"/>
    </xf>
    <xf numFmtId="49" fontId="2" fillId="0" borderId="29"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0" fontId="4" fillId="0" borderId="25" xfId="0" applyFont="1" applyFill="1" applyBorder="1" applyAlignment="1" applyProtection="1">
      <alignment vertical="center" wrapText="1"/>
    </xf>
    <xf numFmtId="49" fontId="2" fillId="0" borderId="30" xfId="0" applyNumberFormat="1" applyFont="1" applyFill="1" applyBorder="1" applyAlignment="1" applyProtection="1">
      <alignment horizontal="right" vertical="center" wrapText="1"/>
    </xf>
    <xf numFmtId="0" fontId="4" fillId="6" borderId="26" xfId="0" applyFont="1" applyFill="1" applyBorder="1" applyAlignment="1" applyProtection="1">
      <alignment vertical="center" wrapText="1"/>
    </xf>
    <xf numFmtId="0" fontId="4" fillId="0" borderId="26" xfId="0" applyFont="1" applyFill="1" applyBorder="1" applyAlignment="1" applyProtection="1">
      <alignment vertical="center" wrapText="1"/>
    </xf>
    <xf numFmtId="0" fontId="4" fillId="0" borderId="27" xfId="0" applyFont="1" applyFill="1" applyBorder="1" applyAlignment="1" applyProtection="1">
      <alignment vertical="center" wrapText="1"/>
    </xf>
    <xf numFmtId="0" fontId="4" fillId="6" borderId="3" xfId="0" applyFont="1" applyFill="1" applyBorder="1" applyAlignment="1" applyProtection="1">
      <alignmen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6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66"/>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24" t="s">
        <v>43</v>
      </c>
      <c r="C1" s="124"/>
      <c r="D1" s="124"/>
      <c r="E1" s="124"/>
      <c r="F1" s="124"/>
    </row>
    <row r="2" spans="2:6" s="12" customFormat="1" ht="27.75" customHeight="1" x14ac:dyDescent="0.2">
      <c r="B2" s="123" t="s">
        <v>41</v>
      </c>
      <c r="C2" s="123"/>
      <c r="D2" s="123"/>
      <c r="E2" s="123"/>
      <c r="F2" s="123"/>
    </row>
    <row r="3" spans="2:6" s="12" customFormat="1" ht="54.75" customHeight="1" x14ac:dyDescent="0.2">
      <c r="B3" s="125" t="s">
        <v>46</v>
      </c>
      <c r="C3" s="125"/>
      <c r="D3" s="125"/>
      <c r="E3" s="125"/>
      <c r="F3" s="125"/>
    </row>
    <row r="4" spans="2:6" ht="24.95" customHeight="1" x14ac:dyDescent="0.2">
      <c r="B4" s="13" t="s">
        <v>45</v>
      </c>
      <c r="C4" s="14"/>
      <c r="D4" s="70"/>
      <c r="E4" s="70"/>
      <c r="F4" s="70"/>
    </row>
    <row r="5" spans="2:6" ht="24.95" customHeight="1" x14ac:dyDescent="0.2">
      <c r="B5" s="13" t="s">
        <v>44</v>
      </c>
      <c r="C5" s="15"/>
      <c r="D5" s="70"/>
      <c r="E5" s="70"/>
      <c r="F5" s="70"/>
    </row>
    <row r="6" spans="2:6" ht="15.75" customHeight="1" x14ac:dyDescent="0.2">
      <c r="B6" s="70"/>
      <c r="C6" s="70"/>
      <c r="D6" s="70"/>
      <c r="E6" s="70"/>
      <c r="F6" s="70"/>
    </row>
    <row r="7" spans="2:6" s="16" customFormat="1" ht="20.100000000000001" customHeight="1" x14ac:dyDescent="0.25">
      <c r="B7" s="81" t="s">
        <v>5</v>
      </c>
      <c r="C7" s="81"/>
      <c r="D7" s="81"/>
      <c r="E7" s="81"/>
      <c r="F7" s="81"/>
    </row>
    <row r="8" spans="2:6" s="16" customFormat="1" ht="20.100000000000001" customHeight="1" x14ac:dyDescent="0.25">
      <c r="B8" s="126" t="s">
        <v>9</v>
      </c>
      <c r="C8" s="126"/>
      <c r="D8" s="126"/>
      <c r="E8" s="126"/>
      <c r="F8" s="126"/>
    </row>
    <row r="9" spans="2:6" ht="28.5" customHeight="1" x14ac:dyDescent="0.2">
      <c r="B9" s="127" t="s">
        <v>78</v>
      </c>
      <c r="C9" s="127"/>
      <c r="D9" s="127"/>
      <c r="E9" s="127"/>
      <c r="F9" s="127"/>
    </row>
    <row r="10" spans="2:6" ht="4.5" customHeight="1" x14ac:dyDescent="0.2">
      <c r="B10" s="17"/>
      <c r="C10" s="17"/>
      <c r="D10" s="17"/>
      <c r="E10" s="17"/>
      <c r="F10" s="17"/>
    </row>
    <row r="11" spans="2:6" s="16" customFormat="1" ht="20.100000000000001" customHeight="1" x14ac:dyDescent="0.25">
      <c r="B11" s="128" t="s">
        <v>10</v>
      </c>
      <c r="C11" s="128"/>
      <c r="D11" s="128"/>
      <c r="E11" s="128"/>
      <c r="F11" s="128"/>
    </row>
    <row r="12" spans="2:6" s="19" customFormat="1" ht="20.100000000000001" customHeight="1" x14ac:dyDescent="0.25">
      <c r="B12" s="91" t="s">
        <v>79</v>
      </c>
      <c r="C12" s="91"/>
      <c r="D12" s="91"/>
      <c r="E12" s="18"/>
      <c r="F12" s="18"/>
    </row>
    <row r="13" spans="2:6" s="19" customFormat="1" ht="20.100000000000001" customHeight="1" x14ac:dyDescent="0.25">
      <c r="B13" s="91" t="s">
        <v>60</v>
      </c>
      <c r="C13" s="91"/>
      <c r="D13" s="91"/>
      <c r="E13" s="18"/>
      <c r="F13" s="18"/>
    </row>
    <row r="14" spans="2:6" ht="4.5" customHeight="1" x14ac:dyDescent="0.2">
      <c r="B14" s="69"/>
      <c r="C14" s="69"/>
      <c r="D14" s="69"/>
      <c r="E14" s="17"/>
      <c r="F14" s="17"/>
    </row>
    <row r="15" spans="2:6" ht="20.100000000000001" customHeight="1" x14ac:dyDescent="0.2">
      <c r="B15" s="20" t="s">
        <v>11</v>
      </c>
      <c r="C15" s="21"/>
      <c r="D15" s="21"/>
      <c r="E15" s="22"/>
      <c r="F15" s="22"/>
    </row>
    <row r="16" spans="2:6" s="25" customFormat="1" ht="24.95" customHeight="1" x14ac:dyDescent="0.25">
      <c r="B16" s="103" t="s">
        <v>53</v>
      </c>
      <c r="C16" s="103"/>
      <c r="D16" s="103"/>
      <c r="E16" s="23"/>
      <c r="F16" s="24"/>
    </row>
    <row r="17" spans="2:6" ht="5.0999999999999996" customHeight="1" x14ac:dyDescent="0.2">
      <c r="B17" s="93"/>
      <c r="C17" s="93"/>
      <c r="D17" s="93"/>
      <c r="F17" s="27"/>
    </row>
    <row r="18" spans="2:6" s="16" customFormat="1" ht="20.100000000000001" customHeight="1" x14ac:dyDescent="0.25">
      <c r="B18" s="81" t="s">
        <v>23</v>
      </c>
      <c r="C18" s="81"/>
      <c r="D18" s="81"/>
      <c r="E18" s="81"/>
      <c r="F18" s="81"/>
    </row>
    <row r="19" spans="2:6" ht="33" customHeight="1" x14ac:dyDescent="0.2">
      <c r="B19" s="92" t="s">
        <v>80</v>
      </c>
      <c r="C19" s="92"/>
      <c r="D19" s="92"/>
      <c r="E19" s="92"/>
      <c r="F19" s="92"/>
    </row>
    <row r="20" spans="2:6" ht="5.0999999999999996" customHeight="1" x14ac:dyDescent="0.2">
      <c r="B20" s="93"/>
      <c r="C20" s="93"/>
      <c r="D20" s="93"/>
      <c r="F20" s="27"/>
    </row>
    <row r="21" spans="2:6" s="16" customFormat="1" ht="20.100000000000001" customHeight="1" x14ac:dyDescent="0.25">
      <c r="B21" s="81" t="s">
        <v>24</v>
      </c>
      <c r="C21" s="81"/>
      <c r="D21" s="81"/>
      <c r="E21" s="81"/>
      <c r="F21" s="81"/>
    </row>
    <row r="22" spans="2:6" s="28" customFormat="1" ht="20.100000000000001" customHeight="1" x14ac:dyDescent="0.25">
      <c r="B22" s="94" t="s">
        <v>6</v>
      </c>
      <c r="C22" s="94"/>
      <c r="D22" s="94"/>
      <c r="E22" s="94"/>
      <c r="F22" s="94"/>
    </row>
    <row r="23" spans="2:6" s="28" customFormat="1" ht="20.100000000000001" customHeight="1" x14ac:dyDescent="0.25">
      <c r="B23" s="99" t="s">
        <v>17</v>
      </c>
      <c r="C23" s="100"/>
      <c r="D23" s="72"/>
      <c r="E23" s="72"/>
      <c r="F23" s="72"/>
    </row>
    <row r="24" spans="2:6" s="28" customFormat="1" ht="20.100000000000001" customHeight="1" x14ac:dyDescent="0.25">
      <c r="B24" s="29"/>
      <c r="C24" s="29" t="s">
        <v>21</v>
      </c>
      <c r="D24" s="72"/>
      <c r="E24" s="72"/>
      <c r="F24" s="72"/>
    </row>
    <row r="25" spans="2:6" s="28" customFormat="1" ht="20.100000000000001" customHeight="1" x14ac:dyDescent="0.25">
      <c r="B25" s="29"/>
      <c r="C25" s="29" t="s">
        <v>22</v>
      </c>
      <c r="D25" s="72"/>
      <c r="E25" s="72"/>
      <c r="F25" s="72"/>
    </row>
    <row r="26" spans="2:6" s="28" customFormat="1" ht="20.100000000000001" customHeight="1" x14ac:dyDescent="0.25">
      <c r="B26" s="99" t="s">
        <v>18</v>
      </c>
      <c r="C26" s="100"/>
      <c r="D26" s="72"/>
      <c r="E26" s="72"/>
      <c r="F26" s="72"/>
    </row>
    <row r="27" spans="2:6" s="28" customFormat="1" ht="53.25" customHeight="1" x14ac:dyDescent="0.25">
      <c r="B27" s="30" t="s">
        <v>19</v>
      </c>
      <c r="C27" s="95" t="s">
        <v>13</v>
      </c>
      <c r="D27" s="96"/>
      <c r="E27" s="31" t="s">
        <v>12</v>
      </c>
      <c r="F27" s="31" t="s">
        <v>116</v>
      </c>
    </row>
    <row r="28" spans="2:6" s="28" customFormat="1" ht="24.95" customHeight="1" x14ac:dyDescent="0.25">
      <c r="B28" s="32" t="s">
        <v>2</v>
      </c>
      <c r="C28" s="101" t="s">
        <v>83</v>
      </c>
      <c r="D28" s="102"/>
      <c r="E28" s="33" t="s">
        <v>1</v>
      </c>
      <c r="F28" s="68">
        <v>19800</v>
      </c>
    </row>
    <row r="29" spans="2:6" s="28" customFormat="1" ht="24.95" customHeight="1" x14ac:dyDescent="0.25">
      <c r="B29" s="32" t="s">
        <v>81</v>
      </c>
      <c r="C29" s="101" t="s">
        <v>84</v>
      </c>
      <c r="D29" s="102"/>
      <c r="E29" s="33" t="s">
        <v>1</v>
      </c>
      <c r="F29" s="68">
        <v>23364</v>
      </c>
    </row>
    <row r="30" spans="2:6" s="28" customFormat="1" ht="24.95" customHeight="1" x14ac:dyDescent="0.25">
      <c r="B30" s="32" t="s">
        <v>82</v>
      </c>
      <c r="C30" s="101" t="s">
        <v>85</v>
      </c>
      <c r="D30" s="102"/>
      <c r="E30" s="33" t="s">
        <v>1</v>
      </c>
      <c r="F30" s="68">
        <v>2112</v>
      </c>
    </row>
    <row r="31" spans="2:6" s="28" customFormat="1" ht="4.5" customHeight="1" x14ac:dyDescent="0.25">
      <c r="B31" s="72"/>
      <c r="C31" s="72"/>
      <c r="D31" s="72"/>
      <c r="E31" s="72"/>
      <c r="F31" s="72"/>
    </row>
    <row r="32" spans="2:6" s="28" customFormat="1" ht="20.100000000000001" customHeight="1" x14ac:dyDescent="0.25">
      <c r="B32" s="99" t="s">
        <v>20</v>
      </c>
      <c r="C32" s="100"/>
      <c r="D32" s="72"/>
      <c r="E32" s="72"/>
      <c r="F32" s="72"/>
    </row>
    <row r="33" spans="2:7" s="28" customFormat="1" ht="20.100000000000001" customHeight="1" x14ac:dyDescent="0.2">
      <c r="B33" s="12"/>
      <c r="C33" s="28" t="s">
        <v>3</v>
      </c>
      <c r="D33" s="72"/>
      <c r="E33" s="72"/>
      <c r="F33" s="72"/>
    </row>
    <row r="34" spans="2:7" s="28" customFormat="1" ht="20.100000000000001" customHeight="1" x14ac:dyDescent="0.25">
      <c r="B34" s="29"/>
      <c r="C34" s="16" t="s">
        <v>4</v>
      </c>
      <c r="D34" s="72"/>
      <c r="E34" s="72"/>
      <c r="F34" s="72"/>
    </row>
    <row r="35" spans="2:7" ht="5.0999999999999996" customHeight="1" x14ac:dyDescent="0.2"/>
    <row r="36" spans="2:7" s="16" customFormat="1" ht="20.100000000000001" customHeight="1" x14ac:dyDescent="0.25">
      <c r="B36" s="81" t="s">
        <v>25</v>
      </c>
      <c r="C36" s="81"/>
      <c r="D36" s="81"/>
      <c r="E36" s="81"/>
      <c r="F36" s="81"/>
    </row>
    <row r="37" spans="2:7" s="16" customFormat="1" ht="5.0999999999999996" customHeight="1" thickBot="1" x14ac:dyDescent="0.3">
      <c r="B37" s="27"/>
      <c r="D37" s="34"/>
      <c r="E37" s="34"/>
      <c r="F37" s="34"/>
    </row>
    <row r="38" spans="2:7" s="25" customFormat="1" ht="93" customHeight="1" x14ac:dyDescent="0.25">
      <c r="B38" s="82" t="s">
        <v>0</v>
      </c>
      <c r="C38" s="83"/>
      <c r="D38" s="86" t="s">
        <v>54</v>
      </c>
      <c r="E38" s="87"/>
      <c r="F38" s="88"/>
      <c r="G38" s="35"/>
    </row>
    <row r="39" spans="2:7" s="25" customFormat="1" ht="30" customHeight="1" thickBot="1" x14ac:dyDescent="0.3">
      <c r="B39" s="84"/>
      <c r="C39" s="85"/>
      <c r="D39" s="62" t="s">
        <v>26</v>
      </c>
      <c r="E39" s="97" t="s">
        <v>27</v>
      </c>
      <c r="F39" s="98"/>
    </row>
    <row r="40" spans="2:7" s="36" customFormat="1" ht="30.75" customHeight="1" x14ac:dyDescent="0.25">
      <c r="B40" s="129" t="s">
        <v>86</v>
      </c>
      <c r="C40" s="130"/>
      <c r="D40" s="130"/>
      <c r="E40" s="130"/>
      <c r="F40" s="131"/>
    </row>
    <row r="41" spans="2:7" s="38" customFormat="1" ht="30" customHeight="1" x14ac:dyDescent="0.25">
      <c r="B41" s="143" t="s">
        <v>15</v>
      </c>
      <c r="C41" s="144" t="s">
        <v>92</v>
      </c>
      <c r="D41" s="37"/>
      <c r="E41" s="75"/>
      <c r="F41" s="76"/>
    </row>
    <row r="42" spans="2:7" s="38" customFormat="1" ht="27.75" customHeight="1" x14ac:dyDescent="0.25">
      <c r="B42" s="143" t="s">
        <v>50</v>
      </c>
      <c r="C42" s="144" t="s">
        <v>93</v>
      </c>
      <c r="D42" s="37"/>
      <c r="E42" s="75"/>
      <c r="F42" s="76"/>
    </row>
    <row r="43" spans="2:7" s="38" customFormat="1" ht="36.75" customHeight="1" x14ac:dyDescent="0.25">
      <c r="B43" s="143" t="s">
        <v>51</v>
      </c>
      <c r="C43" s="144" t="s">
        <v>94</v>
      </c>
      <c r="D43" s="37"/>
      <c r="E43" s="75"/>
      <c r="F43" s="76"/>
    </row>
    <row r="44" spans="2:7" s="38" customFormat="1" ht="34.5" customHeight="1" x14ac:dyDescent="0.25">
      <c r="B44" s="143" t="s">
        <v>52</v>
      </c>
      <c r="C44" s="144" t="s">
        <v>95</v>
      </c>
      <c r="D44" s="37"/>
      <c r="E44" s="75"/>
      <c r="F44" s="76"/>
    </row>
    <row r="45" spans="2:7" s="38" customFormat="1" ht="44.25" customHeight="1" x14ac:dyDescent="0.25">
      <c r="B45" s="143" t="s">
        <v>65</v>
      </c>
      <c r="C45" s="144" t="s">
        <v>96</v>
      </c>
      <c r="D45" s="37"/>
      <c r="E45" s="75"/>
      <c r="F45" s="76"/>
    </row>
    <row r="46" spans="2:7" s="38" customFormat="1" ht="58.5" customHeight="1" x14ac:dyDescent="0.25">
      <c r="B46" s="143" t="s">
        <v>66</v>
      </c>
      <c r="C46" s="144" t="s">
        <v>97</v>
      </c>
      <c r="D46" s="37"/>
      <c r="E46" s="75"/>
      <c r="F46" s="76"/>
    </row>
    <row r="47" spans="2:7" s="38" customFormat="1" ht="30" customHeight="1" x14ac:dyDescent="0.25">
      <c r="B47" s="143" t="s">
        <v>67</v>
      </c>
      <c r="C47" s="144" t="s">
        <v>98</v>
      </c>
      <c r="D47" s="37"/>
      <c r="E47" s="75"/>
      <c r="F47" s="76"/>
    </row>
    <row r="48" spans="2:7" s="38" customFormat="1" ht="41.25" customHeight="1" x14ac:dyDescent="0.25">
      <c r="B48" s="143" t="s">
        <v>70</v>
      </c>
      <c r="C48" s="144" t="s">
        <v>99</v>
      </c>
      <c r="D48" s="37"/>
      <c r="E48" s="75"/>
      <c r="F48" s="76"/>
    </row>
    <row r="49" spans="2:6" s="38" customFormat="1" ht="36.75" customHeight="1" x14ac:dyDescent="0.25">
      <c r="B49" s="143" t="s">
        <v>71</v>
      </c>
      <c r="C49" s="144" t="s">
        <v>100</v>
      </c>
      <c r="D49" s="37"/>
      <c r="E49" s="75"/>
      <c r="F49" s="76"/>
    </row>
    <row r="50" spans="2:6" s="38" customFormat="1" ht="30" customHeight="1" x14ac:dyDescent="0.25">
      <c r="B50" s="143" t="s">
        <v>72</v>
      </c>
      <c r="C50" s="144" t="s">
        <v>101</v>
      </c>
      <c r="D50" s="37"/>
      <c r="E50" s="75"/>
      <c r="F50" s="76"/>
    </row>
    <row r="51" spans="2:6" s="38" customFormat="1" ht="41.25" customHeight="1" x14ac:dyDescent="0.25">
      <c r="B51" s="143" t="s">
        <v>73</v>
      </c>
      <c r="C51" s="144" t="s">
        <v>102</v>
      </c>
      <c r="D51" s="37"/>
      <c r="E51" s="75"/>
      <c r="F51" s="76"/>
    </row>
    <row r="52" spans="2:6" s="38" customFormat="1" ht="36" customHeight="1" x14ac:dyDescent="0.25">
      <c r="B52" s="143" t="s">
        <v>74</v>
      </c>
      <c r="C52" s="144" t="s">
        <v>103</v>
      </c>
      <c r="D52" s="37"/>
      <c r="E52" s="75"/>
      <c r="F52" s="76"/>
    </row>
    <row r="53" spans="2:6" s="38" customFormat="1" ht="36.75" customHeight="1" x14ac:dyDescent="0.25">
      <c r="B53" s="143" t="s">
        <v>75</v>
      </c>
      <c r="C53" s="144" t="s">
        <v>104</v>
      </c>
      <c r="D53" s="37"/>
      <c r="E53" s="75"/>
      <c r="F53" s="76"/>
    </row>
    <row r="54" spans="2:6" s="38" customFormat="1" ht="30" customHeight="1" x14ac:dyDescent="0.25">
      <c r="B54" s="143" t="s">
        <v>76</v>
      </c>
      <c r="C54" s="144" t="s">
        <v>105</v>
      </c>
      <c r="D54" s="37"/>
      <c r="E54" s="75"/>
      <c r="F54" s="76"/>
    </row>
    <row r="55" spans="2:6" s="38" customFormat="1" ht="30" customHeight="1" x14ac:dyDescent="0.25">
      <c r="B55" s="143" t="s">
        <v>77</v>
      </c>
      <c r="C55" s="144" t="s">
        <v>106</v>
      </c>
      <c r="D55" s="37"/>
      <c r="E55" s="75"/>
      <c r="F55" s="76"/>
    </row>
    <row r="56" spans="2:6" s="38" customFormat="1" ht="30" customHeight="1" x14ac:dyDescent="0.25">
      <c r="B56" s="145" t="s">
        <v>87</v>
      </c>
      <c r="C56" s="144" t="s">
        <v>107</v>
      </c>
      <c r="D56" s="37"/>
      <c r="E56" s="75"/>
      <c r="F56" s="76"/>
    </row>
    <row r="57" spans="2:6" s="38" customFormat="1" ht="30" customHeight="1" x14ac:dyDescent="0.25">
      <c r="B57" s="145" t="s">
        <v>88</v>
      </c>
      <c r="C57" s="144" t="s">
        <v>108</v>
      </c>
      <c r="D57" s="37"/>
      <c r="E57" s="75"/>
      <c r="F57" s="76"/>
    </row>
    <row r="58" spans="2:6" s="38" customFormat="1" ht="51" customHeight="1" x14ac:dyDescent="0.25">
      <c r="B58" s="145" t="s">
        <v>89</v>
      </c>
      <c r="C58" s="144" t="s">
        <v>109</v>
      </c>
      <c r="D58" s="37"/>
      <c r="E58" s="75"/>
      <c r="F58" s="76"/>
    </row>
    <row r="59" spans="2:6" s="38" customFormat="1" ht="30" customHeight="1" x14ac:dyDescent="0.25">
      <c r="B59" s="140" t="s">
        <v>90</v>
      </c>
      <c r="C59" s="141"/>
      <c r="D59" s="141"/>
      <c r="E59" s="141"/>
      <c r="F59" s="142"/>
    </row>
    <row r="60" spans="2:6" s="38" customFormat="1" ht="34.5" customHeight="1" x14ac:dyDescent="0.25">
      <c r="B60" s="143" t="s">
        <v>15</v>
      </c>
      <c r="C60" s="144" t="s">
        <v>110</v>
      </c>
      <c r="D60" s="37"/>
      <c r="E60" s="75"/>
      <c r="F60" s="76"/>
    </row>
    <row r="61" spans="2:6" s="38" customFormat="1" ht="30" customHeight="1" x14ac:dyDescent="0.25">
      <c r="B61" s="143" t="s">
        <v>50</v>
      </c>
      <c r="C61" s="144" t="s">
        <v>111</v>
      </c>
      <c r="D61" s="37"/>
      <c r="E61" s="75"/>
      <c r="F61" s="76"/>
    </row>
    <row r="62" spans="2:6" s="38" customFormat="1" ht="37.5" customHeight="1" x14ac:dyDescent="0.25">
      <c r="B62" s="143" t="s">
        <v>51</v>
      </c>
      <c r="C62" s="144" t="s">
        <v>112</v>
      </c>
      <c r="D62" s="37"/>
      <c r="E62" s="75"/>
      <c r="F62" s="76"/>
    </row>
    <row r="63" spans="2:6" s="38" customFormat="1" ht="38.25" customHeight="1" x14ac:dyDescent="0.25">
      <c r="B63" s="143" t="s">
        <v>52</v>
      </c>
      <c r="C63" s="144" t="s">
        <v>95</v>
      </c>
      <c r="D63" s="37"/>
      <c r="E63" s="75"/>
      <c r="F63" s="76"/>
    </row>
    <row r="64" spans="2:6" s="38" customFormat="1" ht="40.5" customHeight="1" x14ac:dyDescent="0.25">
      <c r="B64" s="143" t="s">
        <v>65</v>
      </c>
      <c r="C64" s="144" t="s">
        <v>96</v>
      </c>
      <c r="D64" s="37"/>
      <c r="E64" s="75"/>
      <c r="F64" s="76"/>
    </row>
    <row r="65" spans="2:6" s="38" customFormat="1" ht="59.25" customHeight="1" x14ac:dyDescent="0.25">
      <c r="B65" s="143" t="s">
        <v>66</v>
      </c>
      <c r="C65" s="144" t="s">
        <v>97</v>
      </c>
      <c r="D65" s="37"/>
      <c r="E65" s="75"/>
      <c r="F65" s="76"/>
    </row>
    <row r="66" spans="2:6" s="38" customFormat="1" ht="30" customHeight="1" x14ac:dyDescent="0.25">
      <c r="B66" s="143" t="s">
        <v>67</v>
      </c>
      <c r="C66" s="144" t="s">
        <v>98</v>
      </c>
      <c r="D66" s="37"/>
      <c r="E66" s="75"/>
      <c r="F66" s="76"/>
    </row>
    <row r="67" spans="2:6" s="38" customFormat="1" ht="30" customHeight="1" x14ac:dyDescent="0.25">
      <c r="B67" s="143" t="s">
        <v>70</v>
      </c>
      <c r="C67" s="144" t="s">
        <v>99</v>
      </c>
      <c r="D67" s="37"/>
      <c r="E67" s="75"/>
      <c r="F67" s="76"/>
    </row>
    <row r="68" spans="2:6" s="38" customFormat="1" ht="30" customHeight="1" x14ac:dyDescent="0.25">
      <c r="B68" s="143" t="s">
        <v>71</v>
      </c>
      <c r="C68" s="144" t="s">
        <v>100</v>
      </c>
      <c r="D68" s="37"/>
      <c r="E68" s="75"/>
      <c r="F68" s="76"/>
    </row>
    <row r="69" spans="2:6" s="38" customFormat="1" ht="30" customHeight="1" x14ac:dyDescent="0.25">
      <c r="B69" s="143" t="s">
        <v>72</v>
      </c>
      <c r="C69" s="144" t="s">
        <v>101</v>
      </c>
      <c r="D69" s="37"/>
      <c r="E69" s="75"/>
      <c r="F69" s="76"/>
    </row>
    <row r="70" spans="2:6" s="38" customFormat="1" ht="30" customHeight="1" x14ac:dyDescent="0.25">
      <c r="B70" s="143" t="s">
        <v>73</v>
      </c>
      <c r="C70" s="144" t="s">
        <v>102</v>
      </c>
      <c r="D70" s="37"/>
      <c r="E70" s="75"/>
      <c r="F70" s="76"/>
    </row>
    <row r="71" spans="2:6" s="38" customFormat="1" ht="30" customHeight="1" x14ac:dyDescent="0.25">
      <c r="B71" s="143" t="s">
        <v>74</v>
      </c>
      <c r="C71" s="144" t="s">
        <v>103</v>
      </c>
      <c r="D71" s="37"/>
      <c r="E71" s="75"/>
      <c r="F71" s="76"/>
    </row>
    <row r="72" spans="2:6" s="38" customFormat="1" ht="34.5" customHeight="1" x14ac:dyDescent="0.25">
      <c r="B72" s="143" t="s">
        <v>75</v>
      </c>
      <c r="C72" s="144" t="s">
        <v>104</v>
      </c>
      <c r="D72" s="37"/>
      <c r="E72" s="75"/>
      <c r="F72" s="76"/>
    </row>
    <row r="73" spans="2:6" s="38" customFormat="1" ht="30" customHeight="1" x14ac:dyDescent="0.25">
      <c r="B73" s="143" t="s">
        <v>76</v>
      </c>
      <c r="C73" s="144" t="s">
        <v>105</v>
      </c>
      <c r="D73" s="37"/>
      <c r="E73" s="75"/>
      <c r="F73" s="76"/>
    </row>
    <row r="74" spans="2:6" s="38" customFormat="1" ht="30" customHeight="1" x14ac:dyDescent="0.25">
      <c r="B74" s="146" t="s">
        <v>77</v>
      </c>
      <c r="C74" s="144" t="s">
        <v>106</v>
      </c>
      <c r="D74" s="37"/>
      <c r="E74" s="75"/>
      <c r="F74" s="76"/>
    </row>
    <row r="75" spans="2:6" s="38" customFormat="1" ht="32.25" customHeight="1" x14ac:dyDescent="0.25">
      <c r="B75" s="147" t="s">
        <v>87</v>
      </c>
      <c r="C75" s="144" t="s">
        <v>107</v>
      </c>
      <c r="D75" s="37"/>
      <c r="E75" s="75"/>
      <c r="F75" s="76"/>
    </row>
    <row r="76" spans="2:6" s="38" customFormat="1" ht="30" customHeight="1" x14ac:dyDescent="0.25">
      <c r="B76" s="147" t="s">
        <v>88</v>
      </c>
      <c r="C76" s="144" t="s">
        <v>108</v>
      </c>
      <c r="D76" s="37"/>
      <c r="E76" s="75"/>
      <c r="F76" s="76"/>
    </row>
    <row r="77" spans="2:6" s="38" customFormat="1" ht="44.25" customHeight="1" x14ac:dyDescent="0.25">
      <c r="B77" s="147" t="s">
        <v>89</v>
      </c>
      <c r="C77" s="144" t="s">
        <v>109</v>
      </c>
      <c r="D77" s="37"/>
      <c r="E77" s="75"/>
      <c r="F77" s="76"/>
    </row>
    <row r="78" spans="2:6" s="38" customFormat="1" ht="30" customHeight="1" x14ac:dyDescent="0.25">
      <c r="B78" s="140" t="s">
        <v>91</v>
      </c>
      <c r="C78" s="141"/>
      <c r="D78" s="141"/>
      <c r="E78" s="141"/>
      <c r="F78" s="142"/>
    </row>
    <row r="79" spans="2:6" s="38" customFormat="1" ht="30" customHeight="1" x14ac:dyDescent="0.25">
      <c r="B79" s="143" t="s">
        <v>15</v>
      </c>
      <c r="C79" s="144" t="s">
        <v>113</v>
      </c>
      <c r="D79" s="37"/>
      <c r="E79" s="75"/>
      <c r="F79" s="76"/>
    </row>
    <row r="80" spans="2:6" s="38" customFormat="1" ht="30" customHeight="1" x14ac:dyDescent="0.25">
      <c r="B80" s="143" t="s">
        <v>50</v>
      </c>
      <c r="C80" s="144" t="s">
        <v>114</v>
      </c>
      <c r="D80" s="37"/>
      <c r="E80" s="75"/>
      <c r="F80" s="76"/>
    </row>
    <row r="81" spans="2:6" s="38" customFormat="1" ht="30" customHeight="1" x14ac:dyDescent="0.25">
      <c r="B81" s="143" t="s">
        <v>51</v>
      </c>
      <c r="C81" s="144" t="s">
        <v>115</v>
      </c>
      <c r="D81" s="37"/>
      <c r="E81" s="75"/>
      <c r="F81" s="76"/>
    </row>
    <row r="82" spans="2:6" s="38" customFormat="1" ht="30" customHeight="1" x14ac:dyDescent="0.25">
      <c r="B82" s="143" t="s">
        <v>52</v>
      </c>
      <c r="C82" s="144" t="s">
        <v>95</v>
      </c>
      <c r="D82" s="37"/>
      <c r="E82" s="75"/>
      <c r="F82" s="76"/>
    </row>
    <row r="83" spans="2:6" s="38" customFormat="1" ht="30" customHeight="1" x14ac:dyDescent="0.25">
      <c r="B83" s="143" t="s">
        <v>65</v>
      </c>
      <c r="C83" s="144" t="s">
        <v>96</v>
      </c>
      <c r="D83" s="37"/>
      <c r="E83" s="75"/>
      <c r="F83" s="76"/>
    </row>
    <row r="84" spans="2:6" s="38" customFormat="1" ht="54.75" customHeight="1" x14ac:dyDescent="0.25">
      <c r="B84" s="143" t="s">
        <v>66</v>
      </c>
      <c r="C84" s="144" t="s">
        <v>97</v>
      </c>
      <c r="D84" s="37"/>
      <c r="E84" s="75"/>
      <c r="F84" s="76"/>
    </row>
    <row r="85" spans="2:6" s="38" customFormat="1" ht="35.25" customHeight="1" x14ac:dyDescent="0.25">
      <c r="B85" s="143" t="s">
        <v>67</v>
      </c>
      <c r="C85" s="144" t="s">
        <v>98</v>
      </c>
      <c r="D85" s="37"/>
      <c r="E85" s="75"/>
      <c r="F85" s="76"/>
    </row>
    <row r="86" spans="2:6" s="38" customFormat="1" ht="32.25" customHeight="1" x14ac:dyDescent="0.25">
      <c r="B86" s="143" t="s">
        <v>70</v>
      </c>
      <c r="C86" s="144" t="s">
        <v>99</v>
      </c>
      <c r="D86" s="37"/>
      <c r="E86" s="75"/>
      <c r="F86" s="76"/>
    </row>
    <row r="87" spans="2:6" s="38" customFormat="1" ht="34.5" customHeight="1" x14ac:dyDescent="0.25">
      <c r="B87" s="143" t="s">
        <v>71</v>
      </c>
      <c r="C87" s="144" t="s">
        <v>100</v>
      </c>
      <c r="D87" s="37"/>
      <c r="E87" s="75"/>
      <c r="F87" s="76"/>
    </row>
    <row r="88" spans="2:6" s="38" customFormat="1" ht="27" customHeight="1" x14ac:dyDescent="0.25">
      <c r="B88" s="143" t="s">
        <v>72</v>
      </c>
      <c r="C88" s="144" t="s">
        <v>101</v>
      </c>
      <c r="D88" s="37"/>
      <c r="E88" s="75"/>
      <c r="F88" s="76"/>
    </row>
    <row r="89" spans="2:6" s="38" customFormat="1" ht="30" customHeight="1" x14ac:dyDescent="0.25">
      <c r="B89" s="143" t="s">
        <v>73</v>
      </c>
      <c r="C89" s="144" t="s">
        <v>102</v>
      </c>
      <c r="D89" s="37"/>
      <c r="E89" s="75"/>
      <c r="F89" s="76"/>
    </row>
    <row r="90" spans="2:6" s="38" customFormat="1" ht="30" customHeight="1" x14ac:dyDescent="0.25">
      <c r="B90" s="143" t="s">
        <v>74</v>
      </c>
      <c r="C90" s="144" t="s">
        <v>103</v>
      </c>
      <c r="D90" s="37"/>
      <c r="E90" s="75"/>
      <c r="F90" s="76"/>
    </row>
    <row r="91" spans="2:6" s="38" customFormat="1" ht="36" customHeight="1" x14ac:dyDescent="0.25">
      <c r="B91" s="143" t="s">
        <v>75</v>
      </c>
      <c r="C91" s="144" t="s">
        <v>104</v>
      </c>
      <c r="D91" s="37"/>
      <c r="E91" s="75"/>
      <c r="F91" s="76"/>
    </row>
    <row r="92" spans="2:6" s="38" customFormat="1" ht="36.75" customHeight="1" x14ac:dyDescent="0.25">
      <c r="B92" s="143" t="s">
        <v>76</v>
      </c>
      <c r="C92" s="144" t="s">
        <v>105</v>
      </c>
      <c r="D92" s="37"/>
      <c r="E92" s="75"/>
      <c r="F92" s="76"/>
    </row>
    <row r="93" spans="2:6" s="38" customFormat="1" ht="27.75" customHeight="1" x14ac:dyDescent="0.25">
      <c r="B93" s="146" t="s">
        <v>77</v>
      </c>
      <c r="C93" s="144" t="s">
        <v>106</v>
      </c>
      <c r="D93" s="37"/>
      <c r="E93" s="75"/>
      <c r="F93" s="76"/>
    </row>
    <row r="94" spans="2:6" s="38" customFormat="1" ht="33" customHeight="1" x14ac:dyDescent="0.25">
      <c r="B94" s="147" t="s">
        <v>87</v>
      </c>
      <c r="C94" s="144" t="s">
        <v>107</v>
      </c>
      <c r="D94" s="37"/>
      <c r="E94" s="75"/>
      <c r="F94" s="76"/>
    </row>
    <row r="95" spans="2:6" s="38" customFormat="1" ht="34.5" customHeight="1" x14ac:dyDescent="0.25">
      <c r="B95" s="147" t="s">
        <v>88</v>
      </c>
      <c r="C95" s="144" t="s">
        <v>108</v>
      </c>
      <c r="D95" s="37"/>
      <c r="E95" s="75"/>
      <c r="F95" s="76"/>
    </row>
    <row r="96" spans="2:6" s="38" customFormat="1" ht="49.5" customHeight="1" thickBot="1" x14ac:dyDescent="0.3">
      <c r="B96" s="148" t="s">
        <v>89</v>
      </c>
      <c r="C96" s="149" t="s">
        <v>109</v>
      </c>
      <c r="D96" s="61"/>
      <c r="E96" s="77"/>
      <c r="F96" s="78"/>
    </row>
    <row r="97" spans="2:6" s="25" customFormat="1" ht="17.25" customHeight="1" x14ac:dyDescent="0.25">
      <c r="B97" s="39"/>
      <c r="C97" s="40"/>
      <c r="D97" s="41"/>
      <c r="E97" s="41"/>
      <c r="F97" s="42"/>
    </row>
    <row r="98" spans="2:6" s="16" customFormat="1" ht="20.100000000000001" customHeight="1" x14ac:dyDescent="0.25">
      <c r="B98" s="81" t="s">
        <v>42</v>
      </c>
      <c r="C98" s="81"/>
      <c r="D98" s="81"/>
      <c r="E98" s="81"/>
      <c r="F98" s="81"/>
    </row>
    <row r="99" spans="2:6" s="16" customFormat="1" ht="5.0999999999999996" customHeight="1" thickBot="1" x14ac:dyDescent="0.3">
      <c r="B99" s="27"/>
      <c r="D99" s="34"/>
      <c r="E99" s="34"/>
      <c r="F99" s="34"/>
    </row>
    <row r="100" spans="2:6" s="25" customFormat="1" ht="69" customHeight="1" x14ac:dyDescent="0.25">
      <c r="B100" s="82" t="s">
        <v>8</v>
      </c>
      <c r="C100" s="83"/>
      <c r="D100" s="86" t="s">
        <v>55</v>
      </c>
      <c r="E100" s="87"/>
      <c r="F100" s="88"/>
    </row>
    <row r="101" spans="2:6" s="25" customFormat="1" ht="30" customHeight="1" thickBot="1" x14ac:dyDescent="0.3">
      <c r="B101" s="135"/>
      <c r="C101" s="136"/>
      <c r="D101" s="137" t="s">
        <v>7</v>
      </c>
      <c r="E101" s="138" t="s">
        <v>28</v>
      </c>
      <c r="F101" s="139"/>
    </row>
    <row r="102" spans="2:6" s="16" customFormat="1" ht="45" customHeight="1" x14ac:dyDescent="0.25">
      <c r="B102" s="150" t="s">
        <v>15</v>
      </c>
      <c r="C102" s="151" t="s">
        <v>143</v>
      </c>
      <c r="D102" s="132"/>
      <c r="E102" s="133"/>
      <c r="F102" s="134"/>
    </row>
    <row r="103" spans="2:6" s="16" customFormat="1" ht="57.75" customHeight="1" x14ac:dyDescent="0.25">
      <c r="B103" s="152" t="s">
        <v>50</v>
      </c>
      <c r="C103" s="153" t="s">
        <v>117</v>
      </c>
      <c r="D103" s="37"/>
      <c r="E103" s="73"/>
      <c r="F103" s="74"/>
    </row>
    <row r="104" spans="2:6" s="16" customFormat="1" ht="26.25" customHeight="1" x14ac:dyDescent="0.25">
      <c r="B104" s="152" t="s">
        <v>51</v>
      </c>
      <c r="C104" s="154" t="s">
        <v>118</v>
      </c>
      <c r="D104" s="37"/>
      <c r="E104" s="73"/>
      <c r="F104" s="74"/>
    </row>
    <row r="105" spans="2:6" s="16" customFormat="1" ht="27" customHeight="1" x14ac:dyDescent="0.25">
      <c r="B105" s="155" t="s">
        <v>119</v>
      </c>
      <c r="C105" s="156" t="s">
        <v>120</v>
      </c>
      <c r="D105" s="37"/>
      <c r="E105" s="73"/>
      <c r="F105" s="74"/>
    </row>
    <row r="106" spans="2:6" s="16" customFormat="1" ht="24" customHeight="1" x14ac:dyDescent="0.25">
      <c r="B106" s="155" t="s">
        <v>121</v>
      </c>
      <c r="C106" s="157" t="s">
        <v>122</v>
      </c>
      <c r="D106" s="37"/>
      <c r="E106" s="73"/>
      <c r="F106" s="74"/>
    </row>
    <row r="107" spans="2:6" s="16" customFormat="1" ht="49.5" customHeight="1" x14ac:dyDescent="0.25">
      <c r="B107" s="155" t="s">
        <v>123</v>
      </c>
      <c r="C107" s="157" t="s">
        <v>124</v>
      </c>
      <c r="D107" s="37"/>
      <c r="E107" s="73"/>
      <c r="F107" s="74"/>
    </row>
    <row r="108" spans="2:6" s="16" customFormat="1" ht="132" customHeight="1" x14ac:dyDescent="0.25">
      <c r="B108" s="155" t="s">
        <v>125</v>
      </c>
      <c r="C108" s="158" t="s">
        <v>126</v>
      </c>
      <c r="D108" s="37"/>
      <c r="E108" s="73"/>
      <c r="F108" s="74"/>
    </row>
    <row r="109" spans="2:6" s="16" customFormat="1" ht="117" customHeight="1" x14ac:dyDescent="0.25">
      <c r="B109" s="65" t="s">
        <v>52</v>
      </c>
      <c r="C109" s="151" t="s">
        <v>127</v>
      </c>
      <c r="D109" s="37"/>
      <c r="E109" s="73"/>
      <c r="F109" s="74"/>
    </row>
    <row r="110" spans="2:6" s="16" customFormat="1" ht="309.75" customHeight="1" x14ac:dyDescent="0.25">
      <c r="B110" s="65" t="s">
        <v>65</v>
      </c>
      <c r="C110" s="159" t="s">
        <v>128</v>
      </c>
      <c r="D110" s="37"/>
      <c r="E110" s="73"/>
      <c r="F110" s="74"/>
    </row>
    <row r="111" spans="2:6" s="16" customFormat="1" ht="246.75" customHeight="1" x14ac:dyDescent="0.25">
      <c r="B111" s="65" t="s">
        <v>66</v>
      </c>
      <c r="C111" s="153" t="s">
        <v>129</v>
      </c>
      <c r="D111" s="37"/>
      <c r="E111" s="73"/>
      <c r="F111" s="74"/>
    </row>
    <row r="112" spans="2:6" s="16" customFormat="1" ht="127.5" customHeight="1" x14ac:dyDescent="0.25">
      <c r="B112" s="65" t="s">
        <v>67</v>
      </c>
      <c r="C112" s="153" t="s">
        <v>130</v>
      </c>
      <c r="D112" s="37"/>
      <c r="E112" s="73"/>
      <c r="F112" s="74"/>
    </row>
    <row r="113" spans="2:7" s="16" customFormat="1" ht="114" customHeight="1" x14ac:dyDescent="0.25">
      <c r="B113" s="65" t="s">
        <v>70</v>
      </c>
      <c r="C113" s="159" t="s">
        <v>131</v>
      </c>
      <c r="D113" s="37"/>
      <c r="E113" s="73"/>
      <c r="F113" s="74"/>
    </row>
    <row r="114" spans="2:7" s="16" customFormat="1" ht="85.5" customHeight="1" x14ac:dyDescent="0.25">
      <c r="B114" s="65" t="s">
        <v>71</v>
      </c>
      <c r="C114" s="153" t="s">
        <v>132</v>
      </c>
      <c r="D114" s="37"/>
      <c r="E114" s="73"/>
      <c r="F114" s="74"/>
    </row>
    <row r="115" spans="2:7" s="16" customFormat="1" ht="98.25" customHeight="1" x14ac:dyDescent="0.25">
      <c r="B115" s="150" t="s">
        <v>72</v>
      </c>
      <c r="C115" s="153" t="s">
        <v>133</v>
      </c>
      <c r="D115" s="37"/>
      <c r="E115" s="73"/>
      <c r="F115" s="74"/>
    </row>
    <row r="116" spans="2:7" s="16" customFormat="1" ht="35.25" customHeight="1" x14ac:dyDescent="0.25">
      <c r="B116" s="150" t="s">
        <v>73</v>
      </c>
      <c r="C116" s="153" t="s">
        <v>134</v>
      </c>
      <c r="D116" s="37"/>
      <c r="E116" s="73"/>
      <c r="F116" s="74"/>
    </row>
    <row r="117" spans="2:7" s="16" customFormat="1" ht="60" customHeight="1" x14ac:dyDescent="0.25">
      <c r="B117" s="150" t="s">
        <v>74</v>
      </c>
      <c r="C117" s="153" t="s">
        <v>135</v>
      </c>
      <c r="D117" s="37"/>
      <c r="E117" s="73"/>
      <c r="F117" s="74"/>
    </row>
    <row r="118" spans="2:7" s="16" customFormat="1" ht="85.5" customHeight="1" x14ac:dyDescent="0.25">
      <c r="B118" s="65" t="s">
        <v>75</v>
      </c>
      <c r="C118" s="153" t="s">
        <v>136</v>
      </c>
      <c r="D118" s="37"/>
      <c r="E118" s="73"/>
      <c r="F118" s="74"/>
    </row>
    <row r="119" spans="2:7" s="16" customFormat="1" ht="212.25" customHeight="1" x14ac:dyDescent="0.25">
      <c r="B119" s="65" t="s">
        <v>76</v>
      </c>
      <c r="C119" s="153" t="s">
        <v>137</v>
      </c>
      <c r="D119" s="37"/>
      <c r="E119" s="73"/>
      <c r="F119" s="74"/>
    </row>
    <row r="120" spans="2:7" s="16" customFormat="1" ht="222.75" customHeight="1" x14ac:dyDescent="0.25">
      <c r="B120" s="65" t="s">
        <v>77</v>
      </c>
      <c r="C120" s="153" t="s">
        <v>139</v>
      </c>
      <c r="D120" s="37"/>
      <c r="E120" s="73"/>
      <c r="F120" s="74"/>
    </row>
    <row r="121" spans="2:7" s="16" customFormat="1" ht="126.75" customHeight="1" x14ac:dyDescent="0.25">
      <c r="B121" s="65" t="s">
        <v>138</v>
      </c>
      <c r="C121" s="153" t="s">
        <v>141</v>
      </c>
      <c r="D121" s="37"/>
      <c r="E121" s="73"/>
      <c r="F121" s="74"/>
    </row>
    <row r="122" spans="2:7" s="16" customFormat="1" ht="52.5" customHeight="1" thickBot="1" x14ac:dyDescent="0.3">
      <c r="B122" s="65" t="s">
        <v>140</v>
      </c>
      <c r="C122" s="153" t="s">
        <v>142</v>
      </c>
      <c r="D122" s="61"/>
      <c r="E122" s="89"/>
      <c r="F122" s="90"/>
    </row>
    <row r="123" spans="2:7" s="25" customFormat="1" ht="18.75" customHeight="1" x14ac:dyDescent="0.25">
      <c r="B123" s="40"/>
      <c r="C123" s="40"/>
      <c r="D123" s="41"/>
      <c r="E123" s="41"/>
      <c r="F123" s="42"/>
      <c r="G123" s="16"/>
    </row>
    <row r="124" spans="2:7" s="16" customFormat="1" ht="18.75" customHeight="1" x14ac:dyDescent="0.25">
      <c r="B124" s="81" t="s">
        <v>47</v>
      </c>
      <c r="C124" s="81"/>
      <c r="D124" s="81"/>
      <c r="E124" s="81"/>
      <c r="F124" s="81"/>
    </row>
    <row r="125" spans="2:7" s="16" customFormat="1" ht="4.5" customHeight="1" thickBot="1" x14ac:dyDescent="0.3"/>
    <row r="126" spans="2:7" s="16" customFormat="1" ht="80.25" customHeight="1" x14ac:dyDescent="0.25">
      <c r="B126" s="105" t="s">
        <v>69</v>
      </c>
      <c r="C126" s="106"/>
      <c r="D126" s="109" t="s">
        <v>48</v>
      </c>
      <c r="E126" s="110"/>
      <c r="F126" s="111"/>
    </row>
    <row r="127" spans="2:7" s="25" customFormat="1" ht="29.25" customHeight="1" thickBot="1" x14ac:dyDescent="0.3">
      <c r="B127" s="107"/>
      <c r="C127" s="108"/>
      <c r="D127" s="63" t="s">
        <v>7</v>
      </c>
      <c r="E127" s="112" t="s">
        <v>28</v>
      </c>
      <c r="F127" s="113"/>
      <c r="G127" s="16"/>
    </row>
    <row r="128" spans="2:7" s="25" customFormat="1" ht="130.5" customHeight="1" x14ac:dyDescent="0.25">
      <c r="B128" s="57" t="s">
        <v>15</v>
      </c>
      <c r="C128" s="60" t="s">
        <v>64</v>
      </c>
      <c r="D128" s="43"/>
      <c r="E128" s="79"/>
      <c r="F128" s="80"/>
      <c r="G128" s="16"/>
    </row>
    <row r="129" spans="2:7" s="25" customFormat="1" ht="31.5" customHeight="1" x14ac:dyDescent="0.25">
      <c r="B129" s="65" t="s">
        <v>50</v>
      </c>
      <c r="C129" s="58" t="s">
        <v>58</v>
      </c>
      <c r="D129" s="64"/>
      <c r="E129" s="73"/>
      <c r="F129" s="74"/>
      <c r="G129" s="16"/>
    </row>
    <row r="130" spans="2:7" s="25" customFormat="1" ht="30" customHeight="1" x14ac:dyDescent="0.25">
      <c r="B130" s="66" t="s">
        <v>51</v>
      </c>
      <c r="C130" s="58" t="s">
        <v>49</v>
      </c>
      <c r="D130" s="64"/>
      <c r="E130" s="73"/>
      <c r="F130" s="74"/>
      <c r="G130" s="16"/>
    </row>
    <row r="131" spans="2:7" s="25" customFormat="1" ht="45.75" customHeight="1" thickBot="1" x14ac:dyDescent="0.3">
      <c r="B131" s="59" t="s">
        <v>52</v>
      </c>
      <c r="C131" s="67" t="s">
        <v>68</v>
      </c>
      <c r="D131" s="44"/>
      <c r="E131" s="121"/>
      <c r="F131" s="122"/>
      <c r="G131" s="16"/>
    </row>
    <row r="132" spans="2:7" s="16" customFormat="1" ht="15" customHeight="1" x14ac:dyDescent="0.25">
      <c r="B132" s="40"/>
      <c r="C132" s="40"/>
      <c r="D132" s="41"/>
      <c r="E132" s="41"/>
      <c r="F132" s="42"/>
    </row>
    <row r="133" spans="2:7" s="16" customFormat="1" ht="20.100000000000001" customHeight="1" x14ac:dyDescent="0.25">
      <c r="B133" s="81" t="s">
        <v>14</v>
      </c>
      <c r="C133" s="81"/>
      <c r="D133" s="81"/>
      <c r="E133" s="81"/>
      <c r="F133" s="81"/>
    </row>
    <row r="134" spans="2:7" s="25" customFormat="1" ht="24.75" customHeight="1" x14ac:dyDescent="0.25">
      <c r="B134" s="40" t="s">
        <v>16</v>
      </c>
      <c r="C134" s="118" t="s">
        <v>59</v>
      </c>
      <c r="D134" s="118"/>
      <c r="E134" s="118"/>
      <c r="F134" s="118"/>
      <c r="G134" s="16"/>
    </row>
    <row r="135" spans="2:7" s="25" customFormat="1" ht="23.25" customHeight="1" x14ac:dyDescent="0.25">
      <c r="B135" s="40" t="s">
        <v>62</v>
      </c>
      <c r="C135" s="118" t="s">
        <v>63</v>
      </c>
      <c r="D135" s="118"/>
      <c r="E135" s="118"/>
      <c r="F135" s="118"/>
      <c r="G135" s="16"/>
    </row>
    <row r="136" spans="2:7" s="45" customFormat="1" ht="30" customHeight="1" x14ac:dyDescent="0.25">
      <c r="B136" s="119" t="s">
        <v>29</v>
      </c>
      <c r="C136" s="119"/>
      <c r="D136" s="119"/>
      <c r="E136" s="119"/>
      <c r="F136" s="25"/>
      <c r="G136" s="16"/>
    </row>
    <row r="137" spans="2:7" s="16" customFormat="1" ht="24.95" customHeight="1" x14ac:dyDescent="0.25">
      <c r="B137" s="46" t="s">
        <v>30</v>
      </c>
      <c r="C137" s="116"/>
      <c r="D137" s="116"/>
      <c r="F137" s="45"/>
    </row>
    <row r="138" spans="2:7" s="16" customFormat="1" ht="24.95" customHeight="1" x14ac:dyDescent="0.25">
      <c r="B138" s="46" t="s">
        <v>31</v>
      </c>
      <c r="C138" s="116"/>
      <c r="D138" s="116"/>
      <c r="F138" s="45"/>
    </row>
    <row r="139" spans="2:7" s="16" customFormat="1" ht="24.95" customHeight="1" x14ac:dyDescent="0.25">
      <c r="B139" s="46" t="s">
        <v>32</v>
      </c>
      <c r="C139" s="116"/>
      <c r="D139" s="116"/>
      <c r="F139" s="45"/>
    </row>
    <row r="140" spans="2:7" s="25" customFormat="1" ht="24.95" customHeight="1" x14ac:dyDescent="0.25">
      <c r="B140" s="46" t="s">
        <v>33</v>
      </c>
      <c r="C140" s="116"/>
      <c r="D140" s="116"/>
      <c r="E140" s="16"/>
      <c r="F140" s="47"/>
      <c r="G140" s="16"/>
    </row>
    <row r="141" spans="2:7" s="16" customFormat="1" ht="14.25" customHeight="1" x14ac:dyDescent="0.2">
      <c r="B141" s="48"/>
      <c r="C141" s="1"/>
      <c r="D141" s="1"/>
      <c r="F141" s="49"/>
    </row>
    <row r="142" spans="2:7" s="25" customFormat="1" ht="15" customHeight="1" x14ac:dyDescent="0.25">
      <c r="B142" s="120" t="s">
        <v>34</v>
      </c>
      <c r="C142" s="120"/>
      <c r="D142" s="120"/>
      <c r="E142" s="120"/>
      <c r="F142" s="120"/>
    </row>
    <row r="143" spans="2:7" s="16" customFormat="1" ht="36.75" customHeight="1" x14ac:dyDescent="0.25">
      <c r="B143" s="117" t="s">
        <v>61</v>
      </c>
      <c r="C143" s="117"/>
      <c r="D143" s="117"/>
      <c r="E143" s="117"/>
      <c r="F143" s="117"/>
    </row>
    <row r="144" spans="2:7" s="16" customFormat="1" ht="20.100000000000001" customHeight="1" x14ac:dyDescent="0.2">
      <c r="B144" s="11"/>
      <c r="C144" s="11"/>
      <c r="D144" s="26"/>
      <c r="E144" s="26"/>
    </row>
    <row r="145" spans="1:15" s="25" customFormat="1" ht="4.5" customHeight="1" x14ac:dyDescent="0.2">
      <c r="B145" s="11"/>
      <c r="C145" s="11"/>
      <c r="D145" s="26"/>
      <c r="E145" s="26"/>
      <c r="F145" s="16"/>
    </row>
    <row r="146" spans="1:15" s="25" customFormat="1" ht="20.100000000000001" customHeight="1" x14ac:dyDescent="0.25">
      <c r="B146" s="50" t="s">
        <v>35</v>
      </c>
      <c r="C146" s="51"/>
      <c r="D146" s="52" t="s">
        <v>36</v>
      </c>
      <c r="E146" s="114"/>
      <c r="F146" s="114"/>
    </row>
    <row r="147" spans="1:15" s="25" customFormat="1" ht="20.100000000000001" customHeight="1" x14ac:dyDescent="0.25">
      <c r="B147" s="53"/>
      <c r="C147" s="53"/>
      <c r="D147" s="53"/>
      <c r="E147" s="54"/>
      <c r="F147" s="54"/>
    </row>
    <row r="148" spans="1:15" ht="20.100000000000001" customHeight="1" x14ac:dyDescent="0.2">
      <c r="B148" s="50" t="s">
        <v>37</v>
      </c>
      <c r="C148" s="51"/>
      <c r="D148" s="55" t="s">
        <v>38</v>
      </c>
      <c r="E148" s="115"/>
      <c r="F148" s="115"/>
    </row>
    <row r="149" spans="1:15" s="16" customFormat="1" ht="20.100000000000001" customHeight="1" x14ac:dyDescent="0.2">
      <c r="B149" s="11"/>
      <c r="C149" s="11"/>
      <c r="D149" s="55" t="s">
        <v>39</v>
      </c>
      <c r="E149" s="116"/>
      <c r="F149" s="116"/>
    </row>
    <row r="150" spans="1:15" s="16" customFormat="1" ht="20.100000000000001" customHeight="1" x14ac:dyDescent="0.2">
      <c r="B150" s="11"/>
      <c r="C150" s="11"/>
      <c r="D150" s="56" t="s">
        <v>40</v>
      </c>
      <c r="E150" s="11"/>
    </row>
    <row r="151" spans="1:15" s="1" customFormat="1" ht="12" x14ac:dyDescent="0.2">
      <c r="A151" s="104" t="s">
        <v>56</v>
      </c>
      <c r="B151" s="104"/>
      <c r="D151" s="71"/>
      <c r="E151" s="71"/>
      <c r="F151" s="2"/>
      <c r="G151" s="2"/>
      <c r="H151" s="2"/>
      <c r="I151" s="2"/>
      <c r="J151" s="2"/>
      <c r="K151" s="2"/>
      <c r="L151" s="2"/>
      <c r="M151" s="3"/>
      <c r="O151" s="3"/>
    </row>
    <row r="152" spans="1:15" s="10" customFormat="1" ht="15" x14ac:dyDescent="0.25">
      <c r="A152" s="4"/>
      <c r="B152" s="5" t="s">
        <v>57</v>
      </c>
      <c r="C152" s="6"/>
      <c r="D152" s="7"/>
      <c r="E152" s="7"/>
      <c r="F152" s="8"/>
      <c r="G152" s="8"/>
      <c r="H152" s="8"/>
      <c r="I152" s="8"/>
      <c r="J152" s="8"/>
      <c r="K152" s="8"/>
      <c r="L152" s="8"/>
      <c r="M152" s="9"/>
      <c r="O152" s="9"/>
    </row>
    <row r="153" spans="1:15" s="16" customFormat="1" ht="24" customHeight="1" x14ac:dyDescent="0.25"/>
    <row r="154" spans="1:15" s="16" customFormat="1" ht="24" customHeight="1" x14ac:dyDescent="0.25"/>
    <row r="155" spans="1:15" s="16" customFormat="1" ht="24" customHeight="1" x14ac:dyDescent="0.25"/>
    <row r="156" spans="1:15" s="16" customFormat="1" ht="20.100000000000001" customHeight="1" x14ac:dyDescent="0.25"/>
    <row r="157" spans="1:15" s="16" customFormat="1" ht="20.100000000000001" customHeight="1" x14ac:dyDescent="0.25"/>
    <row r="158" spans="1:15" s="16" customFormat="1" ht="50.1" customHeight="1" x14ac:dyDescent="0.25"/>
    <row r="159" spans="1:15" s="16" customFormat="1" ht="43.5" customHeight="1" x14ac:dyDescent="0.25"/>
    <row r="160" spans="1:15" ht="24.75" customHeight="1" x14ac:dyDescent="0.2">
      <c r="B160" s="16"/>
      <c r="C160" s="16"/>
      <c r="D160" s="16"/>
      <c r="E160" s="16"/>
    </row>
    <row r="161" spans="2:5" x14ac:dyDescent="0.2">
      <c r="B161" s="16"/>
      <c r="C161" s="16"/>
      <c r="D161" s="16"/>
      <c r="E161" s="16"/>
    </row>
    <row r="162" spans="2:5" ht="20.100000000000001" customHeight="1" x14ac:dyDescent="0.2"/>
    <row r="163" spans="2:5" ht="4.5" customHeight="1" x14ac:dyDescent="0.2"/>
    <row r="164" spans="2:5" ht="20.100000000000001" customHeight="1" x14ac:dyDescent="0.2"/>
    <row r="165" spans="2:5" ht="20.100000000000001" customHeight="1" x14ac:dyDescent="0.2"/>
    <row r="166" spans="2:5" ht="20.100000000000001" customHeight="1" x14ac:dyDescent="0.2"/>
  </sheetData>
  <sheetProtection algorithmName="SHA-512" hashValue="1DFMa8mMa/8MwHCl6FGDD5rXbxB1MPHSlfngFFfChGY+eNFNtvuXQuVKlw5mOt4UWuwmTN+dhJHYscAOFMkmIA==" saltValue="hdNO4+qlYFOLzrMrOSsaVg==" spinCount="100000" sheet="1" formatCells="0" formatColumns="0" formatRows="0" insertColumns="0" insertRows="0" insertHyperlinks="0" deleteColumns="0" deleteRows="0" selectLockedCells="1" sort="0" autoFilter="0" pivotTables="0"/>
  <mergeCells count="131">
    <mergeCell ref="E84:F84"/>
    <mergeCell ref="C28:D28"/>
    <mergeCell ref="C29:D29"/>
    <mergeCell ref="B59:F59"/>
    <mergeCell ref="B36:F36"/>
    <mergeCell ref="B40:F40"/>
    <mergeCell ref="B78:F78"/>
    <mergeCell ref="E44:F44"/>
    <mergeCell ref="E68:F68"/>
    <mergeCell ref="B3:F3"/>
    <mergeCell ref="B12:D12"/>
    <mergeCell ref="B7:F7"/>
    <mergeCell ref="B8:F8"/>
    <mergeCell ref="B9:F9"/>
    <mergeCell ref="B11:F11"/>
    <mergeCell ref="B2:F2"/>
    <mergeCell ref="B1:F1"/>
    <mergeCell ref="B23:C23"/>
    <mergeCell ref="B26:C26"/>
    <mergeCell ref="E80:F80"/>
    <mergeCell ref="E81:F81"/>
    <mergeCell ref="E82:F82"/>
    <mergeCell ref="E83:F83"/>
    <mergeCell ref="E69:F69"/>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B21:F21"/>
    <mergeCell ref="A151:B151"/>
    <mergeCell ref="B124:F124"/>
    <mergeCell ref="B126:C127"/>
    <mergeCell ref="D126:F126"/>
    <mergeCell ref="E127:F127"/>
    <mergeCell ref="E146:F146"/>
    <mergeCell ref="E148:F148"/>
    <mergeCell ref="E149:F149"/>
    <mergeCell ref="B143:F143"/>
    <mergeCell ref="B133:F133"/>
    <mergeCell ref="C134:F134"/>
    <mergeCell ref="B136:E136"/>
    <mergeCell ref="B142:F142"/>
    <mergeCell ref="C137:D137"/>
    <mergeCell ref="C138:D138"/>
    <mergeCell ref="C139:D139"/>
    <mergeCell ref="C135:F135"/>
    <mergeCell ref="C140:D140"/>
    <mergeCell ref="E130:F130"/>
    <mergeCell ref="E131:F131"/>
    <mergeCell ref="E128:F128"/>
    <mergeCell ref="E129:F129"/>
    <mergeCell ref="E93:F93"/>
    <mergeCell ref="B16:D16"/>
    <mergeCell ref="B17:D17"/>
    <mergeCell ref="B18:F18"/>
    <mergeCell ref="E87:F87"/>
    <mergeCell ref="E88:F88"/>
    <mergeCell ref="E89:F89"/>
    <mergeCell ref="E90:F90"/>
    <mergeCell ref="E91:F91"/>
    <mergeCell ref="E92:F92"/>
    <mergeCell ref="E41:F41"/>
    <mergeCell ref="E42:F42"/>
    <mergeCell ref="E43:F43"/>
    <mergeCell ref="E85:F85"/>
    <mergeCell ref="E86:F86"/>
    <mergeCell ref="E70:F70"/>
    <mergeCell ref="E71:F71"/>
    <mergeCell ref="E72:F72"/>
    <mergeCell ref="E73:F73"/>
    <mergeCell ref="E74:F74"/>
    <mergeCell ref="E75:F75"/>
    <mergeCell ref="E76:F76"/>
    <mergeCell ref="E77:F77"/>
    <mergeCell ref="E79:F79"/>
    <mergeCell ref="B13:D13"/>
    <mergeCell ref="B19:F19"/>
    <mergeCell ref="B20:D20"/>
    <mergeCell ref="B22:F22"/>
    <mergeCell ref="C27:D27"/>
    <mergeCell ref="B38:C39"/>
    <mergeCell ref="D38:F38"/>
    <mergeCell ref="E39:F39"/>
    <mergeCell ref="B32:C32"/>
    <mergeCell ref="C30:D30"/>
    <mergeCell ref="E120:F120"/>
    <mergeCell ref="E121:F121"/>
    <mergeCell ref="E122:F122"/>
    <mergeCell ref="E111:F111"/>
    <mergeCell ref="E112:F112"/>
    <mergeCell ref="E113:F113"/>
    <mergeCell ref="E114:F114"/>
    <mergeCell ref="E115:F115"/>
    <mergeCell ref="E116:F116"/>
    <mergeCell ref="E117:F117"/>
    <mergeCell ref="E118:F118"/>
    <mergeCell ref="E119:F119"/>
    <mergeCell ref="E110:F110"/>
    <mergeCell ref="E60:F60"/>
    <mergeCell ref="E61:F61"/>
    <mergeCell ref="E62:F62"/>
    <mergeCell ref="E63:F63"/>
    <mergeCell ref="E64:F64"/>
    <mergeCell ref="E65:F65"/>
    <mergeCell ref="E66:F66"/>
    <mergeCell ref="E67:F67"/>
    <mergeCell ref="E94:F94"/>
    <mergeCell ref="E95:F95"/>
    <mergeCell ref="E96:F96"/>
    <mergeCell ref="E102:F102"/>
    <mergeCell ref="B98:F98"/>
    <mergeCell ref="B100:C101"/>
    <mergeCell ref="D100:F100"/>
    <mergeCell ref="E101:F101"/>
    <mergeCell ref="E103:F103"/>
    <mergeCell ref="E104:F104"/>
    <mergeCell ref="E105:F105"/>
    <mergeCell ref="E106:F106"/>
    <mergeCell ref="E107:F107"/>
    <mergeCell ref="E108:F108"/>
    <mergeCell ref="E109:F109"/>
  </mergeCells>
  <conditionalFormatting sqref="D102 D107:D111">
    <cfRule type="containsBlanks" dxfId="60" priority="455">
      <formula>LEN(TRIM(D102))=0</formula>
    </cfRule>
  </conditionalFormatting>
  <conditionalFormatting sqref="E148:F148">
    <cfRule type="containsBlanks" dxfId="59" priority="454">
      <formula>LEN(TRIM(E148))=0</formula>
    </cfRule>
  </conditionalFormatting>
  <conditionalFormatting sqref="C146">
    <cfRule type="containsBlanks" dxfId="58" priority="452">
      <formula>LEN(TRIM(C146))=0</formula>
    </cfRule>
  </conditionalFormatting>
  <conditionalFormatting sqref="E149:F149">
    <cfRule type="containsBlanks" dxfId="57" priority="453">
      <formula>LEN(TRIM(E149))=0</formula>
    </cfRule>
  </conditionalFormatting>
  <conditionalFormatting sqref="C148">
    <cfRule type="containsBlanks" dxfId="56" priority="451">
      <formula>LEN(TRIM(C148))=0</formula>
    </cfRule>
  </conditionalFormatting>
  <conditionalFormatting sqref="C4:C5">
    <cfRule type="containsBlanks" dxfId="55" priority="450">
      <formula>LEN(TRIM(C4))=0</formula>
    </cfRule>
  </conditionalFormatting>
  <conditionalFormatting sqref="C139:D139">
    <cfRule type="containsBlanks" dxfId="54" priority="440">
      <formula>LEN(TRIM(C139))=0</formula>
    </cfRule>
  </conditionalFormatting>
  <conditionalFormatting sqref="C138:D138">
    <cfRule type="containsBlanks" dxfId="53" priority="391">
      <formula>LEN(TRIM(C138))=0</formula>
    </cfRule>
  </conditionalFormatting>
  <conditionalFormatting sqref="C137:D137">
    <cfRule type="containsBlanks" dxfId="52" priority="390">
      <formula>LEN(TRIM(C137))=0</formula>
    </cfRule>
  </conditionalFormatting>
  <conditionalFormatting sqref="C140:D140">
    <cfRule type="containsBlanks" dxfId="51" priority="389">
      <formula>LEN(TRIM(C140))=0</formula>
    </cfRule>
  </conditionalFormatting>
  <conditionalFormatting sqref="D128">
    <cfRule type="containsBlanks" dxfId="50" priority="95">
      <formula>LEN(TRIM(D128))=0</formula>
    </cfRule>
  </conditionalFormatting>
  <conditionalFormatting sqref="D129">
    <cfRule type="containsBlanks" dxfId="49" priority="94">
      <formula>LEN(TRIM(D129))=0</formula>
    </cfRule>
  </conditionalFormatting>
  <conditionalFormatting sqref="D131">
    <cfRule type="containsBlanks" dxfId="48" priority="93">
      <formula>LEN(TRIM(D131))=0</formula>
    </cfRule>
  </conditionalFormatting>
  <conditionalFormatting sqref="D130">
    <cfRule type="containsBlanks" dxfId="47" priority="92">
      <formula>LEN(TRIM(D130))=0</formula>
    </cfRule>
  </conditionalFormatting>
  <conditionalFormatting sqref="D122">
    <cfRule type="containsBlanks" dxfId="46" priority="85">
      <formula>LEN(TRIM(D122))=0</formula>
    </cfRule>
  </conditionalFormatting>
  <conditionalFormatting sqref="D113:D116 D103:D106">
    <cfRule type="containsBlanks" dxfId="45" priority="79">
      <formula>LEN(TRIM(D103))=0</formula>
    </cfRule>
  </conditionalFormatting>
  <conditionalFormatting sqref="D112">
    <cfRule type="containsBlanks" dxfId="44" priority="78">
      <formula>LEN(TRIM(D112))=0</formula>
    </cfRule>
  </conditionalFormatting>
  <conditionalFormatting sqref="D117">
    <cfRule type="containsBlanks" dxfId="43" priority="76">
      <formula>LEN(TRIM(D117))=0</formula>
    </cfRule>
  </conditionalFormatting>
  <conditionalFormatting sqref="D118:D119">
    <cfRule type="containsBlanks" dxfId="42" priority="75">
      <formula>LEN(TRIM(D118))=0</formula>
    </cfRule>
  </conditionalFormatting>
  <conditionalFormatting sqref="D120:D121">
    <cfRule type="containsBlanks" dxfId="41" priority="74">
      <formula>LEN(TRIM(D120))=0</formula>
    </cfRule>
  </conditionalFormatting>
  <conditionalFormatting sqref="D84">
    <cfRule type="containsBlanks" dxfId="40" priority="73">
      <formula>LEN(TRIM(D84))=0</formula>
    </cfRule>
  </conditionalFormatting>
  <conditionalFormatting sqref="D41">
    <cfRule type="containsBlanks" dxfId="39" priority="72">
      <formula>LEN(TRIM(D41))=0</formula>
    </cfRule>
  </conditionalFormatting>
  <conditionalFormatting sqref="D72:D73">
    <cfRule type="containsBlanks" dxfId="38" priority="71">
      <formula>LEN(TRIM(D72))=0</formula>
    </cfRule>
  </conditionalFormatting>
  <conditionalFormatting sqref="D74">
    <cfRule type="containsBlanks" dxfId="37" priority="70">
      <formula>LEN(TRIM(D74))=0</formula>
    </cfRule>
  </conditionalFormatting>
  <conditionalFormatting sqref="D42:D43">
    <cfRule type="containsBlanks" dxfId="36" priority="69">
      <formula>LEN(TRIM(D42))=0</formula>
    </cfRule>
  </conditionalFormatting>
  <conditionalFormatting sqref="D44">
    <cfRule type="containsBlanks" dxfId="35" priority="68">
      <formula>LEN(TRIM(D44))=0</formula>
    </cfRule>
  </conditionalFormatting>
  <conditionalFormatting sqref="D45">
    <cfRule type="containsBlanks" dxfId="34" priority="67">
      <formula>LEN(TRIM(D45))=0</formula>
    </cfRule>
  </conditionalFormatting>
  <conditionalFormatting sqref="D46:D47">
    <cfRule type="containsBlanks" dxfId="33" priority="66">
      <formula>LEN(TRIM(D46))=0</formula>
    </cfRule>
  </conditionalFormatting>
  <conditionalFormatting sqref="D48">
    <cfRule type="containsBlanks" dxfId="32" priority="65">
      <formula>LEN(TRIM(D48))=0</formula>
    </cfRule>
  </conditionalFormatting>
  <conditionalFormatting sqref="D49">
    <cfRule type="containsBlanks" dxfId="31" priority="64">
      <formula>LEN(TRIM(D49))=0</formula>
    </cfRule>
  </conditionalFormatting>
  <conditionalFormatting sqref="D50:D51">
    <cfRule type="containsBlanks" dxfId="30" priority="63">
      <formula>LEN(TRIM(D50))=0</formula>
    </cfRule>
  </conditionalFormatting>
  <conditionalFormatting sqref="D52">
    <cfRule type="containsBlanks" dxfId="29" priority="62">
      <formula>LEN(TRIM(D52))=0</formula>
    </cfRule>
  </conditionalFormatting>
  <conditionalFormatting sqref="D53">
    <cfRule type="containsBlanks" dxfId="28" priority="61">
      <formula>LEN(TRIM(D53))=0</formula>
    </cfRule>
  </conditionalFormatting>
  <conditionalFormatting sqref="D54:D55">
    <cfRule type="containsBlanks" dxfId="27" priority="60">
      <formula>LEN(TRIM(D54))=0</formula>
    </cfRule>
  </conditionalFormatting>
  <conditionalFormatting sqref="D56">
    <cfRule type="containsBlanks" dxfId="26" priority="59">
      <formula>LEN(TRIM(D56))=0</formula>
    </cfRule>
  </conditionalFormatting>
  <conditionalFormatting sqref="D79">
    <cfRule type="containsBlanks" dxfId="25" priority="44">
      <formula>LEN(TRIM(D79))=0</formula>
    </cfRule>
  </conditionalFormatting>
  <conditionalFormatting sqref="D57:D58">
    <cfRule type="containsBlanks" dxfId="24" priority="58">
      <formula>LEN(TRIM(D57))=0</formula>
    </cfRule>
  </conditionalFormatting>
  <conditionalFormatting sqref="D60">
    <cfRule type="containsBlanks" dxfId="23" priority="56">
      <formula>LEN(TRIM(D60))=0</formula>
    </cfRule>
  </conditionalFormatting>
  <conditionalFormatting sqref="D61:D62">
    <cfRule type="containsBlanks" dxfId="22" priority="55">
      <formula>LEN(TRIM(D61))=0</formula>
    </cfRule>
  </conditionalFormatting>
  <conditionalFormatting sqref="D63">
    <cfRule type="containsBlanks" dxfId="21" priority="54">
      <formula>LEN(TRIM(D63))=0</formula>
    </cfRule>
  </conditionalFormatting>
  <conditionalFormatting sqref="D64">
    <cfRule type="containsBlanks" dxfId="20" priority="53">
      <formula>LEN(TRIM(D64))=0</formula>
    </cfRule>
  </conditionalFormatting>
  <conditionalFormatting sqref="D65:D66">
    <cfRule type="containsBlanks" dxfId="19" priority="52">
      <formula>LEN(TRIM(D65))=0</formula>
    </cfRule>
  </conditionalFormatting>
  <conditionalFormatting sqref="D67">
    <cfRule type="containsBlanks" dxfId="18" priority="51">
      <formula>LEN(TRIM(D67))=0</formula>
    </cfRule>
  </conditionalFormatting>
  <conditionalFormatting sqref="D68">
    <cfRule type="containsBlanks" dxfId="17" priority="50">
      <formula>LEN(TRIM(D68))=0</formula>
    </cfRule>
  </conditionalFormatting>
  <conditionalFormatting sqref="D69:D70">
    <cfRule type="containsBlanks" dxfId="16" priority="49">
      <formula>LEN(TRIM(D69))=0</formula>
    </cfRule>
  </conditionalFormatting>
  <conditionalFormatting sqref="D71">
    <cfRule type="containsBlanks" dxfId="15" priority="48">
      <formula>LEN(TRIM(D71))=0</formula>
    </cfRule>
  </conditionalFormatting>
  <conditionalFormatting sqref="D75">
    <cfRule type="containsBlanks" dxfId="14" priority="47">
      <formula>LEN(TRIM(D75))=0</formula>
    </cfRule>
  </conditionalFormatting>
  <conditionalFormatting sqref="D76">
    <cfRule type="containsBlanks" dxfId="13" priority="46">
      <formula>LEN(TRIM(D76))=0</formula>
    </cfRule>
  </conditionalFormatting>
  <conditionalFormatting sqref="D77">
    <cfRule type="containsBlanks" dxfId="12" priority="45">
      <formula>LEN(TRIM(D77))=0</formula>
    </cfRule>
  </conditionalFormatting>
  <conditionalFormatting sqref="D93:D94">
    <cfRule type="containsBlanks" dxfId="11" priority="38">
      <formula>LEN(TRIM(D93))=0</formula>
    </cfRule>
  </conditionalFormatting>
  <conditionalFormatting sqref="D80">
    <cfRule type="containsBlanks" dxfId="10" priority="43">
      <formula>LEN(TRIM(D80))=0</formula>
    </cfRule>
  </conditionalFormatting>
  <conditionalFormatting sqref="D81:D82">
    <cfRule type="containsBlanks" dxfId="9" priority="42">
      <formula>LEN(TRIM(D81))=0</formula>
    </cfRule>
  </conditionalFormatting>
  <conditionalFormatting sqref="D83">
    <cfRule type="containsBlanks" dxfId="8" priority="41">
      <formula>LEN(TRIM(D83))=0</formula>
    </cfRule>
  </conditionalFormatting>
  <conditionalFormatting sqref="D95">
    <cfRule type="containsBlanks" dxfId="7" priority="37">
      <formula>LEN(TRIM(D95))=0</formula>
    </cfRule>
  </conditionalFormatting>
  <conditionalFormatting sqref="D96">
    <cfRule type="containsBlanks" dxfId="6" priority="36">
      <formula>LEN(TRIM(D96))=0</formula>
    </cfRule>
  </conditionalFormatting>
  <conditionalFormatting sqref="D87">
    <cfRule type="containsBlanks" dxfId="5" priority="5">
      <formula>LEN(TRIM(D87))=0</formula>
    </cfRule>
  </conditionalFormatting>
  <conditionalFormatting sqref="D88">
    <cfRule type="containsBlanks" dxfId="4" priority="4">
      <formula>LEN(TRIM(D88))=0</formula>
    </cfRule>
  </conditionalFormatting>
  <conditionalFormatting sqref="D85:D86">
    <cfRule type="containsBlanks" dxfId="3" priority="6">
      <formula>LEN(TRIM(D85))=0</formula>
    </cfRule>
  </conditionalFormatting>
  <conditionalFormatting sqref="D89:D90">
    <cfRule type="containsBlanks" dxfId="2" priority="3">
      <formula>LEN(TRIM(D89))=0</formula>
    </cfRule>
  </conditionalFormatting>
  <conditionalFormatting sqref="D91">
    <cfRule type="containsBlanks" dxfId="1" priority="2">
      <formula>LEN(TRIM(D91))=0</formula>
    </cfRule>
  </conditionalFormatting>
  <conditionalFormatting sqref="D92">
    <cfRule type="containsBlanks" dxfId="0" priority="1">
      <formula>LEN(TRIM(D92))=0</formula>
    </cfRule>
  </conditionalFormatting>
  <printOptions horizontalCentered="1"/>
  <pageMargins left="0.70866141732283472" right="0.70866141732283472" top="0.9055118110236221" bottom="0.74803149606299213" header="0.31496062992125984" footer="0.31496062992125984"/>
  <pageSetup paperSize="9" scale="55"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4-04T13:15:03Z</cp:lastPrinted>
  <dcterms:created xsi:type="dcterms:W3CDTF">2017-04-21T05:51:15Z</dcterms:created>
  <dcterms:modified xsi:type="dcterms:W3CDTF">2024-04-04T13:15:13Z</dcterms:modified>
</cp:coreProperties>
</file>